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7-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7-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ijs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schermopname&#10;&#10;Automatisch gegenereerde beschrijving">
            <a:extLst>
              <a:ext uri="{FF2B5EF4-FFF2-40B4-BE49-F238E27FC236}">
                <a16:creationId xmlns:a16="http://schemas.microsoft.com/office/drawing/2014/main" id="{9269DEBC-8DFF-CA96-FDE6-CA857564146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2954" y="4560411"/>
            <a:ext cx="2242470"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schermopname&#10;&#10;Automatisch gegenereerde beschrijving">
            <a:extLst>
              <a:ext uri="{FF2B5EF4-FFF2-40B4-BE49-F238E27FC236}">
                <a16:creationId xmlns:a16="http://schemas.microsoft.com/office/drawing/2014/main" id="{D758708D-8CD8-124B-C933-812E5E2E807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20985" y="3847785"/>
            <a:ext cx="1558859" cy="146221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27T12:21:23Z</dcterms:modified>
</cp:coreProperties>
</file>